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17"/>
  </p:notesMasterIdLst>
  <p:sldIdLst>
    <p:sldId id="257" r:id="rId16"/>
  </p:sldIdLst>
  <p:sldSz cx="9144000" cy="6858000" type="screen4x3"/>
  <p:notesSz cx="7104063" cy="10234613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2DFCC"/>
    <a:srgbClr val="BBB487"/>
    <a:srgbClr val="333333"/>
    <a:srgbClr val="565656"/>
    <a:srgbClr val="B3B3B3"/>
    <a:srgbClr val="066E9F"/>
    <a:srgbClr val="B4BB87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  <p:ext uri="{1BD7E111-0CB8-44D6-8891-C1BB2F81B7CC}">
      <p1710:readonlyRecommended xmlns:p1710="http://schemas.microsoft.com/office/powerpoint/2017/10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3" autoAdjust="0"/>
    <p:restoredTop sz="94660"/>
  </p:normalViewPr>
  <p:slideViewPr>
    <p:cSldViewPr showGuides="1">
      <p:cViewPr varScale="1">
        <p:scale>
          <a:sx n="110" d="100"/>
          <a:sy n="110" d="100"/>
        </p:scale>
        <p:origin x="126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10" Type="http://schemas.openxmlformats.org/officeDocument/2006/relationships/customXml" Target="../customXml/item10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78427" cy="513508"/>
          </a:xfrm>
          <a:prstGeom prst="rect">
            <a:avLst/>
          </a:prstGeom>
        </p:spPr>
        <p:txBody>
          <a:bodyPr vert="horz" lIns="99075" tIns="49538" rIns="99075" bIns="49538" rtlCol="0"/>
          <a:lstStyle>
            <a:lvl1pPr algn="l">
              <a:defRPr sz="13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4023992" y="0"/>
            <a:ext cx="3078427" cy="513508"/>
          </a:xfrm>
          <a:prstGeom prst="rect">
            <a:avLst/>
          </a:prstGeom>
        </p:spPr>
        <p:txBody>
          <a:bodyPr vert="horz" lIns="99075" tIns="49538" rIns="99075" bIns="49538" rtlCol="0"/>
          <a:lstStyle>
            <a:lvl1pPr algn="r">
              <a:defRPr sz="1300"/>
            </a:lvl1pPr>
          </a:lstStyle>
          <a:p>
            <a:fld id="{F5EB28D1-58D8-4EBA-AD4A-3097FCE67AD9}" type="datetimeFigureOut">
              <a:rPr lang="da-DK" smtClean="0"/>
              <a:t>26-08-2021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1249363" y="1279525"/>
            <a:ext cx="4605337" cy="34544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9075" tIns="49538" rIns="99075" bIns="49538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710407" y="4925407"/>
            <a:ext cx="5683250" cy="4029879"/>
          </a:xfrm>
          <a:prstGeom prst="rect">
            <a:avLst/>
          </a:prstGeom>
        </p:spPr>
        <p:txBody>
          <a:bodyPr vert="horz" lIns="99075" tIns="49538" rIns="99075" bIns="49538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9721107"/>
            <a:ext cx="3078427" cy="513507"/>
          </a:xfrm>
          <a:prstGeom prst="rect">
            <a:avLst/>
          </a:prstGeom>
        </p:spPr>
        <p:txBody>
          <a:bodyPr vert="horz" lIns="99075" tIns="49538" rIns="99075" bIns="49538" rtlCol="0" anchor="b"/>
          <a:lstStyle>
            <a:lvl1pPr algn="l">
              <a:defRPr sz="13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4023992" y="9721107"/>
            <a:ext cx="3078427" cy="513507"/>
          </a:xfrm>
          <a:prstGeom prst="rect">
            <a:avLst/>
          </a:prstGeom>
        </p:spPr>
        <p:txBody>
          <a:bodyPr vert="horz" lIns="99075" tIns="49538" rIns="99075" bIns="49538" rtlCol="0" anchor="b"/>
          <a:lstStyle>
            <a:lvl1pPr algn="r">
              <a:defRPr sz="13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0630726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611560" y="2038153"/>
            <a:ext cx="8532007" cy="4822421"/>
          </a:xfrm>
          <a:prstGeom prst="rect">
            <a:avLst/>
          </a:prstGeom>
          <a:solidFill>
            <a:srgbClr val="BBB48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1" name="Rektangel 10"/>
          <p:cNvSpPr/>
          <p:nvPr userDrawn="1"/>
        </p:nvSpPr>
        <p:spPr>
          <a:xfrm>
            <a:off x="8460000" y="2040924"/>
            <a:ext cx="683568" cy="4819847"/>
          </a:xfrm>
          <a:prstGeom prst="rect">
            <a:avLst/>
          </a:prstGeom>
          <a:solidFill>
            <a:srgbClr val="E2DFC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2" name="Rektangel 11"/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rgbClr val="066E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71600" y="2720891"/>
            <a:ext cx="6402625" cy="1981738"/>
          </a:xfrm>
        </p:spPr>
        <p:txBody>
          <a:bodyPr anchor="t" anchorCtr="0"/>
          <a:lstStyle>
            <a:lvl1pPr>
              <a:defRPr sz="3700">
                <a:solidFill>
                  <a:srgbClr val="333333"/>
                </a:solidFill>
              </a:defRPr>
            </a:lvl1pPr>
          </a:lstStyle>
          <a:p>
            <a:r>
              <a:rPr lang="da-DK" dirty="0"/>
              <a:t>Overskrift 37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71600" y="5101432"/>
            <a:ext cx="6400800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rgbClr val="333333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760679312" name="image" descr="{&quot;templafy&quot;:{&quot;id&quot;:&quot;c5be25cf-2f06-4c74-98a7-d9abd4902d0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40924"/>
            <a:ext cx="684000" cy="4820400"/>
          </a:xfrm>
          <a:prstGeom prst="rect">
            <a:avLst/>
          </a:prstGeom>
        </p:spPr>
      </p:pic>
      <p:pic>
        <p:nvPicPr>
          <p:cNvPr id="1318006610" name="image" descr="{&quot;templafy&quot;:{&quot;id&quot;:&quot;49e0de7a-9fef-4ba8-a71d-bd7ef9c85f3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8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sp>
        <p:nvSpPr>
          <p:cNvPr id="22" name="text" descr="{&quot;templafy&quot;:{&quot;id&quot;:&quot;36e42e23-1a57-407a-9eda-cd2ee058311b&quot;}}" title="UserProfile.Office.Virksomhed">
            <a:extLst>
              <a:ext uri="{FF2B5EF4-FFF2-40B4-BE49-F238E27FC236}">
                <a16:creationId xmlns:a16="http://schemas.microsoft.com/office/drawing/2014/main" id="{7480B6FB-0E48-414D-BE8F-CC7D5176795C}"/>
              </a:ext>
            </a:extLst>
          </p:cNvPr>
          <p:cNvSpPr txBox="1"/>
          <p:nvPr userDrawn="1"/>
        </p:nvSpPr>
        <p:spPr>
          <a:xfrm>
            <a:off x="1371599" y="207098"/>
            <a:ext cx="3224211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B3B3B3"/>
                </a:solidFill>
              </a:rPr>
              <a:t>Region Hovedstaden</a:t>
            </a:r>
          </a:p>
        </p:txBody>
      </p:sp>
      <p:sp>
        <p:nvSpPr>
          <p:cNvPr id="23" name="text" descr="{&quot;templafy&quot;:{&quot;id&quot;:&quot;2e4f861e-09b9-40f0-b16a-8f56d7dca906&quot;}}" hidden="1" title="UserProfile.CenterFreeText">
            <a:extLst>
              <a:ext uri="{FF2B5EF4-FFF2-40B4-BE49-F238E27FC236}">
                <a16:creationId xmlns:a16="http://schemas.microsoft.com/office/drawing/2014/main" id="{93C7400A-E529-4894-9367-024020F68848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sp>
        <p:nvSpPr>
          <p:cNvPr id="24" name="text" descr="{&quot;templafy&quot;:{&quot;id&quot;:&quot;67c2cc16-6a85-40ec-aac3-ca953318f7d4&quot;}}" title="UserProfile.Centers.Center_{{DocumentLanguage}}">
            <a:extLst>
              <a:ext uri="{FF2B5EF4-FFF2-40B4-BE49-F238E27FC236}">
                <a16:creationId xmlns:a16="http://schemas.microsoft.com/office/drawing/2014/main" id="{7C4DF2D3-8FAC-4EEA-8F80-6C5494303CF2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565656"/>
                </a:solidFill>
              </a:rPr>
              <a:t>Center for </a:t>
            </a:r>
            <a:r>
              <a:rPr lang="en-GB" dirty="0" err="1">
                <a:solidFill>
                  <a:srgbClr val="565656"/>
                </a:solidFill>
              </a:rPr>
              <a:t>Økonomi</a:t>
            </a:r>
            <a:endParaRPr lang="en-GB" dirty="0">
              <a:solidFill>
                <a:srgbClr val="565656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6FE69AD-8DE4-47F6-8FB3-555514A86A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9A4310B-B6DC-49BF-8430-767A8EBCD9F4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9C7A11BD-A45E-4356-A276-12AAAAEBE3D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DAB81420-32E1-4334-946B-EC420E0EA8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9FBE294-13FF-43DC-8C23-1C05019B475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/>
          <a:lstStyle/>
          <a:p>
            <a:fld id="{33BF8E8E-2C83-43B3-89DF-80B2B4AE9A28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0BEC171D-1FFC-4429-BA1C-D54F8512A04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0587E9E-2A5A-4151-9635-D5C1EA410E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12102294" name="image" descr="{&quot;templafy&quot;:{&quot;id&quot;:&quot;9f4e746b-9597-4682-8aa5-ec1fd2a5d8f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208245131" name="image" descr="{&quot;templafy&quot;:{&quot;id&quot;:&quot;e54bb554-7231-412b-9f71-dd81f4aa8e1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C53031CB-74BD-4719-9B2C-B7DF1E9337E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2" name="text" descr="{&quot;templafy&quot;:{&quot;id&quot;:&quot;d88550f1-ba17-4eb2-86f9-a71a7f196273&quot;}}" hidden="1" title="UserProfile.CenterFreeText">
            <a:extLst>
              <a:ext uri="{FF2B5EF4-FFF2-40B4-BE49-F238E27FC236}">
                <a16:creationId xmlns:a16="http://schemas.microsoft.com/office/drawing/2014/main" id="{AD5F473E-AA5A-4898-A7E8-DAA5C175ED1C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sp>
        <p:nvSpPr>
          <p:cNvPr id="9" name="Pladsholder til dato 3">
            <a:extLst>
              <a:ext uri="{FF2B5EF4-FFF2-40B4-BE49-F238E27FC236}">
                <a16:creationId xmlns:a16="http://schemas.microsoft.com/office/drawing/2014/main" id="{EBC3C558-788E-4211-B200-0673CD95E22E}"/>
              </a:ext>
            </a:extLst>
          </p:cNvPr>
          <p:cNvSpPr txBox="1">
            <a:spLocks/>
          </p:cNvSpPr>
          <p:nvPr userDrawn="1"/>
        </p:nvSpPr>
        <p:spPr>
          <a:xfrm>
            <a:off x="6331024" y="6288074"/>
            <a:ext cx="2057400" cy="1440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da-DK"/>
            </a:defPPr>
            <a:lvl1pPr marL="0" algn="r" defTabSz="914400" rtl="0" eaLnBrk="1" latinLnBrk="0" hangingPunct="1">
              <a:defRPr sz="9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7CB7DEA-EE4C-45BD-9818-C43868487F84}" type="datetime2">
              <a:rPr lang="da-DK" smtClean="0"/>
              <a:pPr/>
              <a:t>26. august 202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ktangel 8"/>
          <p:cNvSpPr/>
          <p:nvPr userDrawn="1"/>
        </p:nvSpPr>
        <p:spPr>
          <a:xfrm>
            <a:off x="684000" y="1"/>
            <a:ext cx="8459568" cy="6858000"/>
          </a:xfrm>
          <a:prstGeom prst="rect">
            <a:avLst/>
          </a:prstGeom>
          <a:solidFill>
            <a:srgbClr val="E2DFC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71600" y="1016732"/>
            <a:ext cx="7086600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rgbClr val="565656"/>
                </a:solidFill>
              </a:defRPr>
            </a:lvl1pPr>
          </a:lstStyle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0" y="2585610"/>
            <a:ext cx="299561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>
                <a:solidFill>
                  <a:srgbClr val="565656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8000" y="3490922"/>
            <a:ext cx="299561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rgbClr val="565656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4654765" y="2584800"/>
            <a:ext cx="299561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rgbClr val="565656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4654765" y="3492000"/>
            <a:ext cx="299561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rgbClr val="565656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340582416" name="image" descr="{&quot;templafy&quot;:{&quot;id&quot;:&quot;bbc1d61e-a480-48f1-8335-120b9f92a0a8&quot;}}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625084234" name="image" descr="{&quot;templafy&quot;:{&quot;id&quot;:&quot;1b05ad4f-4926-4f13-bf1a-89d171ad22f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24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29" name="text" descr="{&quot;templafy&quot;:{&quot;id&quot;:&quot;d4b3a94c-b49f-4127-b356-102753610769&quot;}}" title="UserProfile.Office.Virksomhed">
            <a:extLst>
              <a:ext uri="{FF2B5EF4-FFF2-40B4-BE49-F238E27FC236}">
                <a16:creationId xmlns:a16="http://schemas.microsoft.com/office/drawing/2014/main" id="{6202D20B-D08B-4977-AADD-3ECD1F0A5643}"/>
              </a:ext>
            </a:extLst>
          </p:cNvPr>
          <p:cNvSpPr txBox="1"/>
          <p:nvPr userDrawn="1"/>
        </p:nvSpPr>
        <p:spPr>
          <a:xfrm>
            <a:off x="1371599" y="207098"/>
            <a:ext cx="3224211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B3B3B3"/>
                </a:solidFill>
              </a:rPr>
              <a:t>Region Hovedstaden</a:t>
            </a:r>
          </a:p>
        </p:txBody>
      </p:sp>
      <p:sp>
        <p:nvSpPr>
          <p:cNvPr id="30" name="text" descr="{&quot;templafy&quot;:{&quot;id&quot;:&quot;717b68de-a08b-4c9d-b89e-34c022202794&quot;}}" hidden="1" title="UserProfile.CenterFreeText">
            <a:extLst>
              <a:ext uri="{FF2B5EF4-FFF2-40B4-BE49-F238E27FC236}">
                <a16:creationId xmlns:a16="http://schemas.microsoft.com/office/drawing/2014/main" id="{243FF1C6-7A9E-4FD9-8DD3-4D385AAC2E5D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Design</a:t>
            </a:r>
          </a:p>
        </p:txBody>
      </p:sp>
      <p:sp>
        <p:nvSpPr>
          <p:cNvPr id="31" name="text" descr="{&quot;templafy&quot;:{&quot;id&quot;:&quot;09659cff-3c88-4eb9-af95-0a3f855e79f6&quot;}}" title="UserProfile.Centers.Center_{{DocumentLanguage}}">
            <a:extLst>
              <a:ext uri="{FF2B5EF4-FFF2-40B4-BE49-F238E27FC236}">
                <a16:creationId xmlns:a16="http://schemas.microsoft.com/office/drawing/2014/main" id="{24161383-4EB0-45CF-99FD-BA47F707EFD0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565656"/>
                </a:solidFill>
              </a:rPr>
              <a:t>Center for </a:t>
            </a:r>
            <a:r>
              <a:rPr lang="en-GB" dirty="0" err="1">
                <a:solidFill>
                  <a:srgbClr val="565656"/>
                </a:solidFill>
              </a:rPr>
              <a:t>Økonomi</a:t>
            </a:r>
            <a:endParaRPr lang="en-GB" dirty="0">
              <a:solidFill>
                <a:srgbClr val="565656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F9CB894-E300-4A04-89E7-E6F017ECA03B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</a:lstStyle>
          <a:p>
            <a:fld id="{4996D3B3-442B-4902-AA49-CE118646F8FB}" type="datetime2">
              <a:rPr lang="da-DK" smtClean="0"/>
              <a:pPr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6FBCE122-46E9-4143-A6C5-5D72BA120ED8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>
            <a:lvl1pPr>
              <a:defRPr>
                <a:solidFill>
                  <a:srgbClr val="565656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0936B78-67A1-4DE6-86E7-A5D81261B421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Box 2"/>
          <p:cNvSpPr txBox="1">
            <a:spLocks noChangeArrowheads="1"/>
          </p:cNvSpPr>
          <p:nvPr userDrawn="1"/>
        </p:nvSpPr>
        <p:spPr bwMode="auto">
          <a:xfrm>
            <a:off x="404813" y="1819146"/>
            <a:ext cx="2272102" cy="43242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10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10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layout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b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indsætte nyt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ing, størrelse og for-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atering af pladsholdere til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ets oprindelige design 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4" name="Text Box 4"/>
          <p:cNvSpPr txBox="1">
            <a:spLocks noChangeArrowheads="1"/>
          </p:cNvSpPr>
          <p:nvPr userDrawn="1"/>
        </p:nvSpPr>
        <p:spPr bwMode="auto">
          <a:xfrm>
            <a:off x="6627440" y="1815926"/>
            <a:ext cx="2358243" cy="350865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så det slår igennem på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5" name="Text Box 3"/>
          <p:cNvSpPr txBox="1">
            <a:spLocks noChangeArrowheads="1"/>
          </p:cNvSpPr>
          <p:nvPr userDrawn="1"/>
        </p:nvSpPr>
        <p:spPr bwMode="auto">
          <a:xfrm>
            <a:off x="3620804" y="1801283"/>
            <a:ext cx="2160798" cy="250837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ter et nyt, kan billedet lægg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</p:txBody>
      </p:sp>
      <p:pic>
        <p:nvPicPr>
          <p:cNvPr id="33" name="4 Nulstil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256324" y="5303999"/>
            <a:ext cx="547241" cy="197798"/>
          </a:xfrm>
          <a:prstGeom prst="rect">
            <a:avLst/>
          </a:prstGeom>
        </p:spPr>
      </p:pic>
      <p:pic>
        <p:nvPicPr>
          <p:cNvPr id="32" name="2 Ny slide"/>
          <p:cNvPicPr>
            <a:picLocks noChangeAspect="1"/>
          </p:cNvPicPr>
          <p:nvPr userDrawn="1"/>
        </p:nvPicPr>
        <p:blipFill rotWithShape="1">
          <a:blip r:embed="rId3"/>
          <a:srcRect l="2931" r="60888"/>
          <a:stretch/>
        </p:blipFill>
        <p:spPr>
          <a:xfrm>
            <a:off x="2231570" y="3523951"/>
            <a:ext cx="363713" cy="647461"/>
          </a:xfrm>
          <a:prstGeom prst="rect">
            <a:avLst/>
          </a:prstGeom>
        </p:spPr>
      </p:pic>
      <p:sp>
        <p:nvSpPr>
          <p:cNvPr id="9" name="Fast overskrift"/>
          <p:cNvSpPr txBox="1"/>
          <p:nvPr userDrawn="1"/>
        </p:nvSpPr>
        <p:spPr>
          <a:xfrm>
            <a:off x="404811" y="539751"/>
            <a:ext cx="8331994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pic>
        <p:nvPicPr>
          <p:cNvPr id="17" name="1 Increase decrease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226940" y="2862487"/>
            <a:ext cx="549328" cy="285228"/>
          </a:xfrm>
          <a:prstGeom prst="rect">
            <a:avLst/>
          </a:prstGeom>
        </p:spPr>
      </p:pic>
      <p:pic>
        <p:nvPicPr>
          <p:cNvPr id="19" name="3 Layout"/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256324" y="4193555"/>
            <a:ext cx="593368" cy="192211"/>
          </a:xfrm>
          <a:prstGeom prst="rect">
            <a:avLst/>
          </a:prstGeom>
        </p:spPr>
      </p:pic>
      <p:pic>
        <p:nvPicPr>
          <p:cNvPr id="26" name="5 Insert picture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554667" y="2060444"/>
            <a:ext cx="262151" cy="256054"/>
          </a:xfrm>
          <a:prstGeom prst="rect">
            <a:avLst/>
          </a:prstGeom>
        </p:spPr>
      </p:pic>
      <p:pic>
        <p:nvPicPr>
          <p:cNvPr id="27" name="6 Crop"/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5535299" y="2733766"/>
            <a:ext cx="337400" cy="321707"/>
          </a:xfrm>
          <a:prstGeom prst="rect">
            <a:avLst/>
          </a:prstGeom>
        </p:spPr>
      </p:pic>
      <p:pic>
        <p:nvPicPr>
          <p:cNvPr id="30" name="7 Scale picture"/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5513004" y="3227756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CE629B00-050D-405D-9F06-055DE3B96A3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/>
          <a:lstStyle/>
          <a:p>
            <a:fld id="{6FFD9A9B-20F6-43AE-985B-3A219A5CE7D9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19C4AFBF-60E1-42EA-8753-75100198DE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06412C5-1E06-4858-BC5A-6397A4AB366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8000" y="872715"/>
            <a:ext cx="7092000" cy="1161947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</a:lstStyle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8425" y="2327275"/>
            <a:ext cx="7091363" cy="3160713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rgbClr val="333333"/>
                </a:solidFill>
              </a:defRPr>
            </a:lvl5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2" name="text" descr="{&quot;templafy&quot;:{&quot;id&quot;:&quot;441120a5-8038-4d3d-8673-3d7750a782ec&quot;}}" hidden="1" title="UserProfile.CenterFreeText">
            <a:extLst>
              <a:ext uri="{FF2B5EF4-FFF2-40B4-BE49-F238E27FC236}">
                <a16:creationId xmlns:a16="http://schemas.microsoft.com/office/drawing/2014/main" id="{987E2A3D-4ED6-4117-838B-6FFA0E94F08F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pic>
        <p:nvPicPr>
          <p:cNvPr id="1560852689" name="image" descr="{&quot;templafy&quot;:{&quot;id&quot;:&quot;8b33d387-f58e-470c-90d1-636f1ebe7fb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514139115" name="image" descr="{&quot;templafy&quot;:{&quot;id&quot;:&quot;6f8de054-b53a-43fd-9d13-bbafbfe0571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AD0B27AB-799F-434F-9F13-75CF3B5AA45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040BE5F-1C39-4A92-B836-C760294F2B74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CB86139E-0694-4BD4-8E9F-84B8A81F308A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6AB4E19A-F73F-4B66-8062-1EE46D3B99A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69DB7FE7-4A9A-4D92-ABC0-4FBB0EC57A0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</a:lstStyle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8000" y="2327275"/>
            <a:ext cx="3429000" cy="3160713"/>
          </a:xfrm>
        </p:spPr>
        <p:txBody>
          <a:bodyPr/>
          <a:lstStyle>
            <a:lvl1pPr marL="126000" indent="-126000">
              <a:defRPr sz="1800">
                <a:solidFill>
                  <a:srgbClr val="333333"/>
                </a:solidFill>
              </a:defRPr>
            </a:lvl1pPr>
            <a:lvl2pPr marL="450000" indent="-108000">
              <a:defRPr sz="1600">
                <a:solidFill>
                  <a:srgbClr val="333333"/>
                </a:solidFill>
              </a:defRPr>
            </a:lvl2pPr>
            <a:lvl3pPr marL="810000" indent="-108000">
              <a:defRPr sz="1400">
                <a:solidFill>
                  <a:srgbClr val="333333"/>
                </a:solidFill>
              </a:defRPr>
            </a:lvl3pPr>
            <a:lvl4pPr marL="1152000" indent="-90000">
              <a:defRPr sz="1200">
                <a:solidFill>
                  <a:srgbClr val="333333"/>
                </a:solidFill>
              </a:defRPr>
            </a:lvl4pPr>
            <a:lvl5pPr marL="1512000" indent="-90000">
              <a:defRPr sz="1000">
                <a:solidFill>
                  <a:srgbClr val="333333"/>
                </a:solidFill>
              </a:defRPr>
            </a:lvl5pPr>
            <a:lvl6pPr marL="1872000">
              <a:defRPr sz="1000">
                <a:solidFill>
                  <a:srgbClr val="333333"/>
                </a:solidFill>
              </a:defRPr>
            </a:lvl6pPr>
            <a:lvl7pPr marL="2232000">
              <a:defRPr sz="1000">
                <a:solidFill>
                  <a:srgbClr val="333333"/>
                </a:solidFill>
              </a:defRPr>
            </a:lvl7pPr>
            <a:lvl8pPr marL="2592000">
              <a:defRPr>
                <a:solidFill>
                  <a:srgbClr val="333333"/>
                </a:solidFill>
              </a:defRPr>
            </a:lvl8pPr>
            <a:lvl9pPr marL="2952000">
              <a:defRPr sz="1000">
                <a:solidFill>
                  <a:srgbClr val="333333"/>
                </a:solidFill>
              </a:defRPr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5021798" y="2329200"/>
            <a:ext cx="3429000" cy="3160713"/>
          </a:xfrm>
        </p:spPr>
        <p:txBody>
          <a:bodyPr/>
          <a:lstStyle>
            <a:lvl1pPr marL="126000" indent="-126000">
              <a:defRPr sz="1800">
                <a:solidFill>
                  <a:srgbClr val="333333"/>
                </a:solidFill>
              </a:defRPr>
            </a:lvl1pPr>
            <a:lvl2pPr marL="450000" indent="-108000">
              <a:defRPr sz="1600">
                <a:solidFill>
                  <a:srgbClr val="333333"/>
                </a:solidFill>
              </a:defRPr>
            </a:lvl2pPr>
            <a:lvl3pPr marL="810000" indent="-108000">
              <a:defRPr sz="1400">
                <a:solidFill>
                  <a:srgbClr val="333333"/>
                </a:solidFill>
              </a:defRPr>
            </a:lvl3pPr>
            <a:lvl4pPr marL="1152000" indent="-90000">
              <a:defRPr sz="1200">
                <a:solidFill>
                  <a:srgbClr val="333333"/>
                </a:solidFill>
              </a:defRPr>
            </a:lvl4pPr>
            <a:lvl5pPr marL="1512000" indent="-90000">
              <a:defRPr sz="1000">
                <a:solidFill>
                  <a:srgbClr val="333333"/>
                </a:solidFill>
              </a:defRPr>
            </a:lvl5pPr>
            <a:lvl6pPr marL="1872000">
              <a:defRPr sz="1000">
                <a:solidFill>
                  <a:srgbClr val="333333"/>
                </a:solidFill>
              </a:defRPr>
            </a:lvl6pPr>
            <a:lvl7pPr marL="2232000">
              <a:defRPr sz="1000">
                <a:solidFill>
                  <a:srgbClr val="333333"/>
                </a:solidFill>
              </a:defRPr>
            </a:lvl7pPr>
            <a:lvl8pPr marL="2592000">
              <a:defRPr>
                <a:solidFill>
                  <a:srgbClr val="333333"/>
                </a:solidFill>
              </a:defRPr>
            </a:lvl8pPr>
            <a:lvl9pPr marL="2952000">
              <a:defRPr sz="1000">
                <a:solidFill>
                  <a:srgbClr val="333333"/>
                </a:solidFill>
              </a:defRPr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2" name="text" descr="{&quot;templafy&quot;:{&quot;id&quot;:&quot;270236c5-ba0a-460e-8058-202ceec518b4&quot;}}" hidden="1" title="UserProfile.CenterFreeText">
            <a:extLst>
              <a:ext uri="{FF2B5EF4-FFF2-40B4-BE49-F238E27FC236}">
                <a16:creationId xmlns:a16="http://schemas.microsoft.com/office/drawing/2014/main" id="{00DD9014-3C4D-403B-A65F-511E0B667A8D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pic>
        <p:nvPicPr>
          <p:cNvPr id="1262807024" name="image" descr="{&quot;templafy&quot;:{&quot;id&quot;:&quot;c1010704-5f88-4eda-98e1-e291439d79d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732737140" name="image" descr="{&quot;templafy&quot;:{&quot;id&quot;:&quot;f08ae76b-3eec-4ffe-8f8a-2883bc5bc3b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B7E8D307-E2E5-428B-9730-26782F001A6D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69147F6-EBFF-4992-90CB-7AB614AE274A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F688949-B79D-45DF-A293-B180A778A0B8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A923D678-F58F-46F0-9A08-47E0729EC65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5769323C-74E1-4396-B605-820670AACB0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0" y="4838162"/>
            <a:ext cx="7086600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>
                <a:solidFill>
                  <a:srgbClr val="333333"/>
                </a:solidFill>
              </a:defRPr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8000" y="1362269"/>
            <a:ext cx="7086600" cy="334036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text" descr="{&quot;templafy&quot;:{&quot;id&quot;:&quot;3d223f52-5855-476e-9434-96a1a9c8ad84&quot;}}" hidden="1" title="UserProfile.CenterFreeText">
            <a:extLst>
              <a:ext uri="{FF2B5EF4-FFF2-40B4-BE49-F238E27FC236}">
                <a16:creationId xmlns:a16="http://schemas.microsoft.com/office/drawing/2014/main" id="{C9507C16-D8CB-4CCF-A6E1-8BB17DFD52D1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pic>
        <p:nvPicPr>
          <p:cNvPr id="1409658496" name="image" descr="{&quot;templafy&quot;:{&quot;id&quot;:&quot;eee5b7d7-5512-4a0e-83a4-8f997ed6af1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1780293330" name="image" descr="{&quot;templafy&quot;:{&quot;id&quot;:&quot;15dfd4c9-8b7d-4188-a493-66756bd7179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36CB1BDE-6805-4098-B171-A9BAE61A7E6D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79A94A69-88C4-4BC1-9053-D7DD84C2B89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FBD6BC2C-9494-4E26-9E13-7FD95D355772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37BBD74-A4BA-439B-9CE4-66F6AB5FE98F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F520ADD8-E991-4806-B8B4-6CB7AB454C4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0" y="4838162"/>
            <a:ext cx="7086600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>
                <a:solidFill>
                  <a:srgbClr val="333333"/>
                </a:solidFill>
              </a:defRPr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8425" y="1362075"/>
            <a:ext cx="7088400" cy="3340800"/>
          </a:xfrm>
        </p:spPr>
        <p:txBody>
          <a:bodyPr/>
          <a:lstStyle>
            <a:lvl1pPr>
              <a:defRPr baseline="0"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rgbClr val="333333"/>
                </a:solidFill>
              </a:defRPr>
            </a:lvl5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2" name="text" descr="{&quot;templafy&quot;:{&quot;id&quot;:&quot;28084241-ee0e-48ad-a004-f434be33d52c&quot;}}" hidden="1" title="UserProfile.CenterFreeText">
            <a:extLst>
              <a:ext uri="{FF2B5EF4-FFF2-40B4-BE49-F238E27FC236}">
                <a16:creationId xmlns:a16="http://schemas.microsoft.com/office/drawing/2014/main" id="{617E5582-9A32-475F-821C-6E596752CEE0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pic>
        <p:nvPicPr>
          <p:cNvPr id="178304199" name="image" descr="{&quot;templafy&quot;:{&quot;id&quot;:&quot;d8d6a289-186c-45f7-92b1-c544e606ed2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1328651413" name="image" descr="{&quot;templafy&quot;:{&quot;id&quot;:&quot;5d568970-b65d-45ac-ace0-961160a1c5b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9880EE5B-6033-40D8-9E30-453194902307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038BD58-F963-489C-B3DA-3BE8ED22975B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0A841616-6959-4EBC-B566-A53A7798B641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BC1D58BB-8C50-4ED9-83E4-CE9EFA072734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EC7E761E-AF5E-498A-B2EE-D4BF5B375B7F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0" y="4985492"/>
            <a:ext cx="3317874" cy="55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>
                <a:solidFill>
                  <a:srgbClr val="333333"/>
                </a:solidFill>
              </a:defRPr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8000" y="1366174"/>
            <a:ext cx="3317875" cy="348964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4889500" y="4985492"/>
            <a:ext cx="3564000" cy="55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>
                <a:solidFill>
                  <a:srgbClr val="333333"/>
                </a:solidFill>
              </a:defRPr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4884806" y="1371523"/>
            <a:ext cx="3570988" cy="3488400"/>
          </a:xfrm>
        </p:spPr>
        <p:txBody>
          <a:bodyPr/>
          <a:lstStyle>
            <a:lvl1pPr marL="126000" indent="-126000">
              <a:defRPr sz="1800">
                <a:solidFill>
                  <a:srgbClr val="333333"/>
                </a:solidFill>
              </a:defRPr>
            </a:lvl1pPr>
            <a:lvl2pPr marL="450000" indent="-108000">
              <a:defRPr sz="1600">
                <a:solidFill>
                  <a:srgbClr val="333333"/>
                </a:solidFill>
              </a:defRPr>
            </a:lvl2pPr>
            <a:lvl3pPr marL="810000" indent="-108000">
              <a:defRPr sz="1400">
                <a:solidFill>
                  <a:srgbClr val="333333"/>
                </a:solidFill>
              </a:defRPr>
            </a:lvl3pPr>
            <a:lvl4pPr marL="1152000" indent="-90000">
              <a:defRPr sz="1200">
                <a:solidFill>
                  <a:srgbClr val="333333"/>
                </a:solidFill>
              </a:defRPr>
            </a:lvl4pPr>
            <a:lvl5pPr marL="1512000" indent="-90000">
              <a:defRPr sz="1000">
                <a:solidFill>
                  <a:srgbClr val="333333"/>
                </a:solidFill>
              </a:defRPr>
            </a:lvl5pPr>
            <a:lvl6pPr marL="1872000">
              <a:defRPr sz="1000">
                <a:solidFill>
                  <a:srgbClr val="333333"/>
                </a:solidFill>
              </a:defRPr>
            </a:lvl6pPr>
            <a:lvl7pPr marL="2232000">
              <a:defRPr sz="1000">
                <a:solidFill>
                  <a:srgbClr val="333333"/>
                </a:solidFill>
              </a:defRPr>
            </a:lvl7pPr>
            <a:lvl8pPr marL="2592000">
              <a:defRPr>
                <a:solidFill>
                  <a:srgbClr val="333333"/>
                </a:solidFill>
              </a:defRPr>
            </a:lvl8pPr>
            <a:lvl9pPr marL="2952000">
              <a:defRPr sz="1000">
                <a:solidFill>
                  <a:srgbClr val="333333"/>
                </a:solidFill>
              </a:defRPr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4" name="text" descr="{&quot;templafy&quot;:{&quot;id&quot;:&quot;f35096b3-5cba-4f43-928f-94788afc9f9a&quot;}}" hidden="1" title="UserProfile.CenterFreeText">
            <a:extLst>
              <a:ext uri="{FF2B5EF4-FFF2-40B4-BE49-F238E27FC236}">
                <a16:creationId xmlns:a16="http://schemas.microsoft.com/office/drawing/2014/main" id="{A1D42DFF-E792-4D46-B255-1F478E72C4C7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pic>
        <p:nvPicPr>
          <p:cNvPr id="89494796" name="image" descr="{&quot;templafy&quot;:{&quot;id&quot;:&quot;eb78ff1f-2bc2-4834-bd34-5a4e6acdb34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610479185" name="image" descr="{&quot;templafy&quot;:{&quot;id&quot;:&quot;c4e0605a-3b2f-479e-b0e2-314a37f97af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5317F64A-B543-44BE-A513-87EC70C63EDF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1973ECC-BC23-4814-ADA6-FAFF5E88B24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B19EF8C-9FDD-4008-B6A7-24E42D2B24C9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0BC2E00-B327-4D21-A93A-6984B677677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D5E49C6B-007D-4AEE-BDEA-85E787C44C9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8000" y="908719"/>
            <a:ext cx="7091788" cy="1125943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71600" y="4931361"/>
            <a:ext cx="3317874" cy="55662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8000" y="2328862"/>
            <a:ext cx="3319200" cy="247656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4888800" y="2327275"/>
            <a:ext cx="3570988" cy="316071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3" name="text" descr="{&quot;templafy&quot;:{&quot;id&quot;:&quot;fe0eb297-354d-419c-8f8d-350cf294d360&quot;}}" hidden="1" title="UserProfile.CenterFreeText">
            <a:extLst>
              <a:ext uri="{FF2B5EF4-FFF2-40B4-BE49-F238E27FC236}">
                <a16:creationId xmlns:a16="http://schemas.microsoft.com/office/drawing/2014/main" id="{4B787C54-494D-4F8C-BBF0-653E77F03F8F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pic>
        <p:nvPicPr>
          <p:cNvPr id="1176637856" name="image" descr="{&quot;templafy&quot;:{&quot;id&quot;:&quot;59896a1e-d0af-4aea-9b35-cf2c0ae7f76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2138846219" name="image" descr="{&quot;templafy&quot;:{&quot;id&quot;:&quot;26aa8fca-3f27-465b-b016-f8b268af029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CAB50921-B206-466C-A833-B8DB281791F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931AB56-A99F-4E82-B0D1-431DE4B7D188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16B08D3-18A9-4DBF-968F-B12D939EAE9D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96840CFE-A0A6-4DF0-9FFA-F3D3C70EEB1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8C5DBA56-6C71-41BB-976D-359E95652F1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9144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dirty="0"/>
          </a:p>
        </p:txBody>
      </p:sp>
      <p:sp>
        <p:nvSpPr>
          <p:cNvPr id="12" name="Rektangel 11"/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rgbClr val="066E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71600" y="2708920"/>
            <a:ext cx="7086600" cy="2775893"/>
          </a:xfrm>
        </p:spPr>
        <p:txBody>
          <a:bodyPr anchor="t" anchorCtr="0"/>
          <a:lstStyle>
            <a:lvl1pPr>
              <a:defRPr sz="3700">
                <a:solidFill>
                  <a:srgbClr val="333333"/>
                </a:solidFill>
              </a:defRPr>
            </a:lvl1pPr>
          </a:lstStyle>
          <a:p>
            <a:r>
              <a:rPr lang="da-DK" dirty="0"/>
              <a:t>Overskrift 37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pic>
        <p:nvPicPr>
          <p:cNvPr id="49806387" name="image" descr="{&quot;templafy&quot;:{&quot;id&quot;:&quot;1c4e5a03-eaaf-4db6-92bd-622f1ad5001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38350"/>
            <a:ext cx="684000" cy="4820400"/>
          </a:xfrm>
          <a:prstGeom prst="rect">
            <a:avLst/>
          </a:prstGeom>
        </p:spPr>
      </p:pic>
      <p:pic>
        <p:nvPicPr>
          <p:cNvPr id="1417865217" name="image" descr="{&quot;templafy&quot;:{&quot;id&quot;:&quot;b0518238-7983-40fb-8e8d-d6ca3060cc6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2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sp>
        <p:nvSpPr>
          <p:cNvPr id="18" name="text" descr="{&quot;templafy&quot;:{&quot;id&quot;:&quot;7c83b037-7f8a-4576-9372-efa0072c2458&quot;}}" title="UserProfile.Office.Virksomhed">
            <a:extLst>
              <a:ext uri="{FF2B5EF4-FFF2-40B4-BE49-F238E27FC236}">
                <a16:creationId xmlns:a16="http://schemas.microsoft.com/office/drawing/2014/main" id="{A4281AF1-D816-4874-9006-047F7EA2B126}"/>
              </a:ext>
            </a:extLst>
          </p:cNvPr>
          <p:cNvSpPr txBox="1"/>
          <p:nvPr userDrawn="1"/>
        </p:nvSpPr>
        <p:spPr>
          <a:xfrm>
            <a:off x="1371599" y="207098"/>
            <a:ext cx="3224211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B3B3B3"/>
                </a:solidFill>
              </a:rPr>
              <a:t>Region Hovedstaden</a:t>
            </a:r>
          </a:p>
        </p:txBody>
      </p:sp>
      <p:sp>
        <p:nvSpPr>
          <p:cNvPr id="23" name="text" descr="{&quot;templafy&quot;:{&quot;id&quot;:&quot;00c20c50-d772-4866-90a8-21426e0989b2&quot;}}" hidden="1" title="UserProfile.CenterFreeText">
            <a:extLst>
              <a:ext uri="{FF2B5EF4-FFF2-40B4-BE49-F238E27FC236}">
                <a16:creationId xmlns:a16="http://schemas.microsoft.com/office/drawing/2014/main" id="{B213B7B7-80C9-4824-8FA7-C70222E82DAC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sp>
        <p:nvSpPr>
          <p:cNvPr id="24" name="text" descr="{&quot;templafy&quot;:{&quot;id&quot;:&quot;0046777f-892b-406d-8f4f-639b310f080b&quot;}}" title="UserProfile.Centers.Center_{{DocumentLanguage}}">
            <a:extLst>
              <a:ext uri="{FF2B5EF4-FFF2-40B4-BE49-F238E27FC236}">
                <a16:creationId xmlns:a16="http://schemas.microsoft.com/office/drawing/2014/main" id="{412AA31D-B811-48B2-862E-1252823B7A23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565656"/>
                </a:solidFill>
              </a:rPr>
              <a:t>Center for </a:t>
            </a:r>
            <a:r>
              <a:rPr lang="en-GB" dirty="0" err="1">
                <a:solidFill>
                  <a:srgbClr val="565656"/>
                </a:solidFill>
              </a:rPr>
              <a:t>Økonomi</a:t>
            </a:r>
            <a:endParaRPr lang="en-GB" dirty="0">
              <a:solidFill>
                <a:srgbClr val="565656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87893C3-D5C2-48A9-BFDB-4E47874460D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7CB7DEA-EE4C-45BD-9818-C43868487F84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AFF8A1E3-1A98-40C9-8251-D79482A286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15391A9-4BBD-404A-A615-5148DE36E1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9144000" cy="6858000"/>
          </a:xfrm>
          <a:prstGeom prst="rect">
            <a:avLst/>
          </a:prstGeom>
          <a:solidFill>
            <a:srgbClr val="E2DFCC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dirty="0">
              <a:solidFill>
                <a:srgbClr val="BBB487"/>
              </a:solidFill>
            </a:endParaRPr>
          </a:p>
        </p:txBody>
      </p:sp>
      <p:sp>
        <p:nvSpPr>
          <p:cNvPr id="12" name="Rektangel 11"/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rgbClr val="066E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71600" y="2708920"/>
            <a:ext cx="7086600" cy="2775893"/>
          </a:xfrm>
        </p:spPr>
        <p:txBody>
          <a:bodyPr anchor="t" anchorCtr="0"/>
          <a:lstStyle>
            <a:lvl1pPr>
              <a:defRPr sz="3700">
                <a:solidFill>
                  <a:srgbClr val="333333"/>
                </a:solidFill>
              </a:defRPr>
            </a:lvl1pPr>
          </a:lstStyle>
          <a:p>
            <a:r>
              <a:rPr lang="da-DK" dirty="0"/>
              <a:t>Overskrift 37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pic>
        <p:nvPicPr>
          <p:cNvPr id="49806387" name="image" descr="{&quot;templafy&quot;:{&quot;id&quot;:&quot;1c4e5a03-eaaf-4db6-92bd-622f1ad5001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38350"/>
            <a:ext cx="684000" cy="4820400"/>
          </a:xfrm>
          <a:prstGeom prst="rect">
            <a:avLst/>
          </a:prstGeom>
        </p:spPr>
      </p:pic>
      <p:pic>
        <p:nvPicPr>
          <p:cNvPr id="1417865217" name="image" descr="{&quot;templafy&quot;:{&quot;id&quot;:&quot;b0518238-7983-40fb-8e8d-d6ca3060cc6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2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sp>
        <p:nvSpPr>
          <p:cNvPr id="18" name="text" descr="{&quot;templafy&quot;:{&quot;id&quot;:&quot;7c83b037-7f8a-4576-9372-efa0072c2458&quot;}}" title="UserProfile.Office.Virksomhed">
            <a:extLst>
              <a:ext uri="{FF2B5EF4-FFF2-40B4-BE49-F238E27FC236}">
                <a16:creationId xmlns:a16="http://schemas.microsoft.com/office/drawing/2014/main" id="{A4281AF1-D816-4874-9006-047F7EA2B126}"/>
              </a:ext>
            </a:extLst>
          </p:cNvPr>
          <p:cNvSpPr txBox="1"/>
          <p:nvPr userDrawn="1"/>
        </p:nvSpPr>
        <p:spPr>
          <a:xfrm>
            <a:off x="1371599" y="207098"/>
            <a:ext cx="3224211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B3B3B3"/>
                </a:solidFill>
              </a:rPr>
              <a:t>Region Hovedstaden</a:t>
            </a:r>
          </a:p>
        </p:txBody>
      </p:sp>
      <p:sp>
        <p:nvSpPr>
          <p:cNvPr id="23" name="text" descr="{&quot;templafy&quot;:{&quot;id&quot;:&quot;00c20c50-d772-4866-90a8-21426e0989b2&quot;}}" hidden="1" title="UserProfile.CenterFreeText">
            <a:extLst>
              <a:ext uri="{FF2B5EF4-FFF2-40B4-BE49-F238E27FC236}">
                <a16:creationId xmlns:a16="http://schemas.microsoft.com/office/drawing/2014/main" id="{B213B7B7-80C9-4824-8FA7-C70222E82DAC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Design</a:t>
            </a:r>
          </a:p>
        </p:txBody>
      </p:sp>
      <p:sp>
        <p:nvSpPr>
          <p:cNvPr id="24" name="text" descr="{&quot;templafy&quot;:{&quot;id&quot;:&quot;0046777f-892b-406d-8f4f-639b310f080b&quot;}}" title="UserProfile.Centers.Center_{{DocumentLanguage}}">
            <a:extLst>
              <a:ext uri="{FF2B5EF4-FFF2-40B4-BE49-F238E27FC236}">
                <a16:creationId xmlns:a16="http://schemas.microsoft.com/office/drawing/2014/main" id="{412AA31D-B811-48B2-862E-1252823B7A23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565656"/>
                </a:solidFill>
              </a:rPr>
              <a:t>Center for </a:t>
            </a:r>
            <a:r>
              <a:rPr lang="en-GB" dirty="0" err="1">
                <a:solidFill>
                  <a:srgbClr val="565656"/>
                </a:solidFill>
              </a:rPr>
              <a:t>Økonomi</a:t>
            </a:r>
            <a:endParaRPr lang="en-GB" dirty="0">
              <a:solidFill>
                <a:srgbClr val="565656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87893C3-D5C2-48A9-BFDB-4E47874460D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7CB7DEA-EE4C-45BD-9818-C43868487F84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AFF8A1E3-1A98-40C9-8251-D79482A286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15391A9-4BBD-404A-A615-5148DE36E1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5543390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ktangel 13"/>
          <p:cNvSpPr/>
          <p:nvPr/>
        </p:nvSpPr>
        <p:spPr>
          <a:xfrm>
            <a:off x="611560" y="6174000"/>
            <a:ext cx="8532007" cy="684000"/>
          </a:xfrm>
          <a:prstGeom prst="rect">
            <a:avLst/>
          </a:prstGeom>
          <a:solidFill>
            <a:srgbClr val="BBB48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3" name="Rektangel 12"/>
          <p:cNvSpPr/>
          <p:nvPr/>
        </p:nvSpPr>
        <p:spPr>
          <a:xfrm>
            <a:off x="8460000" y="6174000"/>
            <a:ext cx="683568" cy="684000"/>
          </a:xfrm>
          <a:prstGeom prst="rect">
            <a:avLst/>
          </a:prstGeom>
          <a:solidFill>
            <a:srgbClr val="E2DFC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Rektangel 7"/>
          <p:cNvSpPr/>
          <p:nvPr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rgbClr val="066E9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11" name="Rektangel" descr="{&quot;templafy&quot;:{&quot;id&quot;:&quot;f0d2977e-d6bc-44d4-8529-1d9346abd969&quot;}}" title="image"/>
          <p:cNvSpPr/>
          <p:nvPr/>
        </p:nvSpPr>
        <p:spPr>
          <a:xfrm>
            <a:off x="0" y="6174197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8000" y="908719"/>
            <a:ext cx="7092000" cy="112594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8000" y="2329200"/>
            <a:ext cx="7092000" cy="31587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8459788" y="6288074"/>
            <a:ext cx="684211" cy="144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36e42e23-1a57-407a-9eda-cd2ee058311b&quot;}}" title="UserProfile.Office.Virksomhed">
            <a:extLst>
              <a:ext uri="{FF2B5EF4-FFF2-40B4-BE49-F238E27FC236}">
                <a16:creationId xmlns:a16="http://schemas.microsoft.com/office/drawing/2014/main" id="{8330C3C8-3C2D-4883-93A3-7E1958CAA5AB}"/>
              </a:ext>
            </a:extLst>
          </p:cNvPr>
          <p:cNvSpPr txBox="1"/>
          <p:nvPr userDrawn="1"/>
        </p:nvSpPr>
        <p:spPr>
          <a:xfrm>
            <a:off x="1371599" y="207098"/>
            <a:ext cx="3224211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B3B3B3"/>
                </a:solidFill>
              </a:rPr>
              <a:t>Region Hovedstaden</a:t>
            </a:r>
          </a:p>
        </p:txBody>
      </p:sp>
      <p:sp>
        <p:nvSpPr>
          <p:cNvPr id="15" name="text" descr="{&quot;templafy&quot;:{&quot;id&quot;:&quot;67c2cc16-6a85-40ec-aac3-ca953318f7d4&quot;}}" title="UserProfile.Centers.Center_{{DocumentLanguage}}">
            <a:extLst>
              <a:ext uri="{FF2B5EF4-FFF2-40B4-BE49-F238E27FC236}">
                <a16:creationId xmlns:a16="http://schemas.microsoft.com/office/drawing/2014/main" id="{E1E954B3-5D50-458E-B155-47745E3F24EE}"/>
              </a:ext>
            </a:extLst>
          </p:cNvPr>
          <p:cNvSpPr txBox="1">
            <a:spLocks/>
          </p:cNvSpPr>
          <p:nvPr userDrawn="1"/>
        </p:nvSpPr>
        <p:spPr>
          <a:xfrm>
            <a:off x="1371600" y="399191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565656"/>
                </a:solidFill>
              </a:rPr>
              <a:t>Center for </a:t>
            </a:r>
            <a:r>
              <a:rPr lang="en-GB" dirty="0" err="1">
                <a:solidFill>
                  <a:srgbClr val="565656"/>
                </a:solidFill>
              </a:rPr>
              <a:t>Økonomi</a:t>
            </a:r>
            <a:endParaRPr lang="en-GB" dirty="0">
              <a:solidFill>
                <a:srgbClr val="565656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626F80F3-7837-4823-9A4C-4EFC78D4F94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31024" y="6288074"/>
            <a:ext cx="2057400" cy="1440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rgbClr val="333333"/>
                </a:solidFill>
              </a:defRPr>
            </a:lvl1pPr>
          </a:lstStyle>
          <a:p>
            <a:fld id="{FBE18DB7-E710-485A-B72F-07E9889D2023}" type="datetime2">
              <a:rPr lang="da-DK" smtClean="0"/>
              <a:t>26. august 202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A5A7267-D7E8-4C61-93CE-DA7CD10456E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259632" y="6288074"/>
            <a:ext cx="3086100" cy="1440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rgbClr val="333333"/>
                </a:solidFill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9" r:id="rId3"/>
    <p:sldLayoutId id="2147483660" r:id="rId4"/>
    <p:sldLayoutId id="2147483664" r:id="rId5"/>
    <p:sldLayoutId id="2147483665" r:id="rId6"/>
    <p:sldLayoutId id="2147483662" r:id="rId7"/>
    <p:sldLayoutId id="2147483658" r:id="rId8"/>
    <p:sldLayoutId id="2147483668" r:id="rId9"/>
    <p:sldLayoutId id="2147483655" r:id="rId10"/>
    <p:sldLayoutId id="2147483663" r:id="rId11"/>
    <p:sldLayoutId id="2147483667" r:id="rId12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7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pos="849" userDrawn="1">
          <p15:clr>
            <a:srgbClr val="F26B43"/>
          </p15:clr>
        </p15:guide>
        <p15:guide id="4" pos="5330" userDrawn="1">
          <p15:clr>
            <a:srgbClr val="F26B43"/>
          </p15:clr>
        </p15:guide>
        <p15:guide id="5" orient="horz" pos="1284" userDrawn="1">
          <p15:clr>
            <a:srgbClr val="F26B43"/>
          </p15:clr>
        </p15:guide>
        <p15:guide id="6" orient="horz" pos="1467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8" pos="2947" userDrawn="1">
          <p15:clr>
            <a:srgbClr val="F26B43"/>
          </p15:clr>
        </p15:guide>
        <p15:guide id="9" pos="307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.xml"/><Relationship Id="rId5" Type="http://schemas.openxmlformats.org/officeDocument/2006/relationships/image" Target="../media/image10.jpeg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6EF11B3C-3867-4B0E-83B0-BE11733DC11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da-DK" dirty="0"/>
              <a:t>Taget den 29. juni 2021</a:t>
            </a:r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E245BB27-7EBD-4D85-B263-874F118AEF0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269927" y="6432074"/>
            <a:ext cx="3086100" cy="144000"/>
          </a:xfrm>
        </p:spPr>
        <p:txBody>
          <a:bodyPr/>
          <a:lstStyle/>
          <a:p>
            <a:r>
              <a:rPr lang="da-DK" dirty="0"/>
              <a:t>Luftfoto af Nyt Hospital Nordsjælland </a:t>
            </a:r>
          </a:p>
          <a:p>
            <a:endParaRPr lang="da-DK" dirty="0"/>
          </a:p>
          <a:p>
            <a:r>
              <a:rPr lang="da-DK" sz="700" dirty="0"/>
              <a:t>Fotograf: Dragør Luftfoto</a:t>
            </a:r>
          </a:p>
        </p:txBody>
      </p:sp>
      <p:pic>
        <p:nvPicPr>
          <p:cNvPr id="18" name="Pladsholder til indhold 17" descr="Et billede, der indeholder natur&#10;&#10;Automatisk genereret beskrivelse">
            <a:extLst>
              <a:ext uri="{FF2B5EF4-FFF2-40B4-BE49-F238E27FC236}">
                <a16:creationId xmlns:a16="http://schemas.microsoft.com/office/drawing/2014/main" id="{2FAB36A4-C2EF-4CB1-955A-50D7143C8DE1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08023" y="1027611"/>
            <a:ext cx="7050804" cy="4705645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0054564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 H Hospital PowerPoint Skabelon_DKfinal">
  <a:themeElements>
    <a:clrScheme name="Region Hovedstaden Mørkeblå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0086CC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946386990848150","enableDocumentContentUpdater":true,"version":"1.3"}]]></TemplafySlideTemplateConfiguration>
</file>

<file path=customXml/item10.xml><?xml version="1.0" encoding="utf-8"?>
<TemplafyTemplateConfiguration><![CDATA[{"elementsMetadata":[],"transformationConfigurations":[{"colorTheme":"{{UserProfile.Office.ApplyColorTheme}}","originalColorThemeXml":"<a:clrScheme name=\"CØK\" xmlns:a=\"http://schemas.openxmlformats.org/drawingml/2006/main\"><a:dk1><a:sysClr val=\"windowText\" lastClr=\"000000\" /></a:dk1><a:lt1><a:sysClr val=\"window\" lastClr=\"FFFFFF\" /></a:lt1><a:dk2><a:srgbClr val=\"775F55\" /></a:dk2><a:lt2><a:srgbClr val=\"EBDDC3\" /></a:lt2><a:accent1><a:srgbClr val=\"94B6D2\" /></a:accent1><a:accent2><a:srgbClr val=\"DD8047\" /></a:accent2><a:accent3><a:srgbClr val=\"A5AB81\" /></a:accent3><a:accent4><a:srgbClr val=\"D8B25C\" /></a:accent4><a:accent5><a:srgbClr val=\"7BA79D\" /></a:accent5><a:accent6><a:srgbClr val=\"968C8C\" /></a:accent6><a:hlink><a:srgbClr val=\"F7B615\" /></a:hlink><a:folHlink><a:srgbClr val=\"704404\" /></a:folHlink></a:clrScheme>","disableUpdates":false,"type":"colorTheme"}],"templateName":"Center for Økonomi 4:3","templateDescription":"","enableDocumentContentUpdater":true,"version":"1.3"}]]></TemplafyTemplate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868708354978508","enableDocumentContentUpdater":true,"version":"1.3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elementsMetadata":[],"documentContentValidatorConfiguration":{"enableDocumentContentValidator":false,"documentContentValidatorVersion":0},"slideId":"636868708355760873","enableDocumentContentUpdater":true,"version":"1.3"}]]></TemplafySlideTemplateConfiguration>
</file>

<file path=customXml/item14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946386991008833","enableDocumentContentUpdater":true,"version":"1.3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868708356384753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946386990692510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8FF593F-8044-4829-9079-2F0A0E238664}">
  <ds:schemaRefs/>
</ds:datastoreItem>
</file>

<file path=customXml/itemProps10.xml><?xml version="1.0" encoding="utf-8"?>
<ds:datastoreItem xmlns:ds="http://schemas.openxmlformats.org/officeDocument/2006/customXml" ds:itemID="{6FFF86B1-8DC8-41C3-AA4B-2B784E6F506B}">
  <ds:schemaRefs/>
</ds:datastoreItem>
</file>

<file path=customXml/itemProps11.xml><?xml version="1.0" encoding="utf-8"?>
<ds:datastoreItem xmlns:ds="http://schemas.openxmlformats.org/officeDocument/2006/customXml" ds:itemID="{C2D64CBE-9F88-4A21-90C2-BD0AA564674F}">
  <ds:schemaRefs/>
</ds:datastoreItem>
</file>

<file path=customXml/itemProps12.xml><?xml version="1.0" encoding="utf-8"?>
<ds:datastoreItem xmlns:ds="http://schemas.openxmlformats.org/officeDocument/2006/customXml" ds:itemID="{C030AF3F-DAB1-448A-AB4B-80B4A7C9C266}">
  <ds:schemaRefs/>
</ds:datastoreItem>
</file>

<file path=customXml/itemProps13.xml><?xml version="1.0" encoding="utf-8"?>
<ds:datastoreItem xmlns:ds="http://schemas.openxmlformats.org/officeDocument/2006/customXml" ds:itemID="{2AC6B8D2-B62C-4BCE-A506-983361329A69}">
  <ds:schemaRefs/>
</ds:datastoreItem>
</file>

<file path=customXml/itemProps14.xml><?xml version="1.0" encoding="utf-8"?>
<ds:datastoreItem xmlns:ds="http://schemas.openxmlformats.org/officeDocument/2006/customXml" ds:itemID="{25079CD9-E1A3-4C77-AE07-79E08397F33C}">
  <ds:schemaRefs/>
</ds:datastoreItem>
</file>

<file path=customXml/itemProps2.xml><?xml version="1.0" encoding="utf-8"?>
<ds:datastoreItem xmlns:ds="http://schemas.openxmlformats.org/officeDocument/2006/customXml" ds:itemID="{B3FA9559-4D12-457D-B087-CCE6A3CB3B7A}">
  <ds:schemaRefs/>
</ds:datastoreItem>
</file>

<file path=customXml/itemProps3.xml><?xml version="1.0" encoding="utf-8"?>
<ds:datastoreItem xmlns:ds="http://schemas.openxmlformats.org/officeDocument/2006/customXml" ds:itemID="{1536BB02-875E-4D6A-96A4-1D5D6AF72155}">
  <ds:schemaRefs/>
</ds:datastoreItem>
</file>

<file path=customXml/itemProps4.xml><?xml version="1.0" encoding="utf-8"?>
<ds:datastoreItem xmlns:ds="http://schemas.openxmlformats.org/officeDocument/2006/customXml" ds:itemID="{5C5F1D26-AD9B-4F68-9756-7C804CEFB6A7}">
  <ds:schemaRefs/>
</ds:datastoreItem>
</file>

<file path=customXml/itemProps5.xml><?xml version="1.0" encoding="utf-8"?>
<ds:datastoreItem xmlns:ds="http://schemas.openxmlformats.org/officeDocument/2006/customXml" ds:itemID="{378217D9-6B39-4119-8710-CCB30D98F4DA}">
  <ds:schemaRefs/>
</ds:datastoreItem>
</file>

<file path=customXml/itemProps6.xml><?xml version="1.0" encoding="utf-8"?>
<ds:datastoreItem xmlns:ds="http://schemas.openxmlformats.org/officeDocument/2006/customXml" ds:itemID="{5556BC8F-FB44-4C04-8523-CD1100760E6C}">
  <ds:schemaRefs/>
</ds:datastoreItem>
</file>

<file path=customXml/itemProps7.xml><?xml version="1.0" encoding="utf-8"?>
<ds:datastoreItem xmlns:ds="http://schemas.openxmlformats.org/officeDocument/2006/customXml" ds:itemID="{B5718CDB-9D0D-4690-9430-C1EF110AEB1C}">
  <ds:schemaRefs/>
</ds:datastoreItem>
</file>

<file path=customXml/itemProps8.xml><?xml version="1.0" encoding="utf-8"?>
<ds:datastoreItem xmlns:ds="http://schemas.openxmlformats.org/officeDocument/2006/customXml" ds:itemID="{3BE350A9-CCCF-4556-BF25-AC8F32EC66D4}">
  <ds:schemaRefs/>
</ds:datastoreItem>
</file>

<file path=customXml/itemProps9.xml><?xml version="1.0" encoding="utf-8"?>
<ds:datastoreItem xmlns:ds="http://schemas.openxmlformats.org/officeDocument/2006/customXml" ds:itemID="{5AD6E961-1919-4B52-A351-989B634D03C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6</Words>
  <Application>Microsoft Office PowerPoint</Application>
  <PresentationFormat>Skærmshow (4:3)</PresentationFormat>
  <Paragraphs>5</Paragraphs>
  <Slides>1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1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3" baseType="lpstr">
      <vt:lpstr>Arial</vt:lpstr>
      <vt:lpstr>REGION H Hospital PowerPoint Skabelon_DKfinal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1-08-26T11:43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5-28T11:11:38.5009941</vt:lpwstr>
  </property>
  <property fmtid="{D5CDD505-2E9C-101B-9397-08002B2CF9AE}" pid="3" name="TemplafyTenantId">
    <vt:lpwstr>regionh</vt:lpwstr>
  </property>
  <property fmtid="{D5CDD505-2E9C-101B-9397-08002B2CF9AE}" pid="4" name="TemplafyTemplateId">
    <vt:lpwstr>636946386985009941</vt:lpwstr>
  </property>
  <property fmtid="{D5CDD505-2E9C-101B-9397-08002B2CF9AE}" pid="5" name="TemplafyUserProfileId">
    <vt:lpwstr>636437499597754687</vt:lpwstr>
  </property>
  <property fmtid="{D5CDD505-2E9C-101B-9397-08002B2CF9AE}" pid="6" name="TemplafyLanguageCode">
    <vt:lpwstr>da-DK</vt:lpwstr>
  </property>
</Properties>
</file>